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J:\s1\３統計\04　県等委託統計\06　人口調査\人口データ\1 元データ\H30\1804\HP\"/>
    </mc:Choice>
  </mc:AlternateContent>
  <bookViews>
    <workbookView xWindow="0" yWindow="0" windowWidth="23040" windowHeight="9384"/>
  </bookViews>
  <sheets>
    <sheet name="0000" sheetId="1" r:id="rId1"/>
  </sheets>
  <definedNames>
    <definedName name="_xlnm.Print_Titles" localSheetId="0">'0000'!$4:$4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32" uniqueCount="32">
  <si>
    <t>年齢別・性別人口（富山市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トヤマ</t>
    </rPh>
    <rPh sb="11" eb="12">
      <t>シ</t>
    </rPh>
    <phoneticPr fontId="3"/>
  </si>
  <si>
    <t>平成30年4月末</t>
  </si>
  <si>
    <t>年齢</t>
    <rPh sb="0" eb="2">
      <t>ネンレイ</t>
    </rPh>
    <phoneticPr fontId="3"/>
  </si>
  <si>
    <t>男</t>
    <rPh sb="0" eb="1">
      <t>オトコ</t>
    </rPh>
    <phoneticPr fontId="3"/>
  </si>
  <si>
    <t>女</t>
    <rPh sb="0" eb="1">
      <t>オンナ</t>
    </rPh>
    <phoneticPr fontId="3"/>
  </si>
  <si>
    <t>計</t>
    <rPh sb="0" eb="1">
      <t>ケイ</t>
    </rPh>
    <phoneticPr fontId="3"/>
  </si>
  <si>
    <t>《0～4》</t>
    <phoneticPr fontId="3"/>
  </si>
  <si>
    <t>《5～9》</t>
    <phoneticPr fontId="3"/>
  </si>
  <si>
    <t>《10～14》</t>
    <phoneticPr fontId="3"/>
  </si>
  <si>
    <t>【0～14】</t>
    <phoneticPr fontId="3"/>
  </si>
  <si>
    <t>《15～19》</t>
    <phoneticPr fontId="3"/>
  </si>
  <si>
    <t>《20～24》</t>
    <phoneticPr fontId="3"/>
  </si>
  <si>
    <t>《25～29》</t>
    <phoneticPr fontId="3"/>
  </si>
  <si>
    <t>《30～34》</t>
    <phoneticPr fontId="3"/>
  </si>
  <si>
    <t>《35～39》</t>
    <phoneticPr fontId="3"/>
  </si>
  <si>
    <t>《40～44》</t>
    <phoneticPr fontId="3"/>
  </si>
  <si>
    <t>《45～49》</t>
    <phoneticPr fontId="3"/>
  </si>
  <si>
    <t>《50～54》</t>
    <phoneticPr fontId="3"/>
  </si>
  <si>
    <t>《55～59》</t>
    <phoneticPr fontId="3"/>
  </si>
  <si>
    <t>《60～64》</t>
    <phoneticPr fontId="3"/>
  </si>
  <si>
    <t>【15～64】</t>
    <phoneticPr fontId="3"/>
  </si>
  <si>
    <t>《65～69》</t>
    <phoneticPr fontId="3"/>
  </si>
  <si>
    <t>《70～74》</t>
    <phoneticPr fontId="3"/>
  </si>
  <si>
    <t>《75～79》</t>
    <phoneticPr fontId="3"/>
  </si>
  <si>
    <t>《80～84》</t>
    <phoneticPr fontId="3"/>
  </si>
  <si>
    <t>《85～89》</t>
    <phoneticPr fontId="3"/>
  </si>
  <si>
    <t>《90～94》</t>
    <phoneticPr fontId="3"/>
  </si>
  <si>
    <t>《95～99》</t>
    <phoneticPr fontId="3"/>
  </si>
  <si>
    <t>101～</t>
    <phoneticPr fontId="3"/>
  </si>
  <si>
    <t>《100～》</t>
    <phoneticPr fontId="3"/>
  </si>
  <si>
    <t>【65～】</t>
    <phoneticPr fontId="3"/>
  </si>
  <si>
    <t>【合計】</t>
    <rPh sb="1" eb="3">
      <t>ゴウケイ</t>
    </rPh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fonts count="5" x14ac:knownFonts="1">
    <font>
      <sz val="11"/>
      <name val="ＭＳ 明朝"/>
      <family val="1"/>
      <charset val="128"/>
    </font>
    <font>
      <sz val="11"/>
      <name val="ＭＳ 明朝"/>
      <family val="1"/>
      <charset val="128"/>
    </font>
    <font>
      <sz val="14"/>
      <name val="ＭＳ 明朝"/>
      <family val="1"/>
      <charset val="128"/>
    </font>
    <font>
      <sz val="6"/>
      <name val="ＭＳ 明朝"/>
      <family val="1"/>
      <charset val="128"/>
    </font>
    <font>
      <sz val="12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17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/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/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/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</borders>
  <cellStyleXfs count="2">
    <xf numFmtId="0" fontId="0" fillId="0" borderId="0"/>
    <xf numFmtId="38" fontId="1" fillId="0" borderId="0" applyFont="0" applyFill="0" applyBorder="0" applyAlignment="0" applyProtection="0"/>
  </cellStyleXfs>
  <cellXfs count="28">
    <xf numFmtId="0" fontId="0" fillId="0" borderId="0" xfId="0"/>
    <xf numFmtId="0" fontId="2" fillId="0" borderId="0" xfId="0" applyFont="1" applyAlignment="1">
      <alignment horizontal="center" vertical="center"/>
    </xf>
    <xf numFmtId="0" fontId="2" fillId="0" borderId="0" xfId="0" applyFont="1" applyAlignment="1">
      <alignment horizontal="center" vertical="center"/>
    </xf>
    <xf numFmtId="0" fontId="4" fillId="0" borderId="0" xfId="0" applyFont="1" applyAlignment="1">
      <alignment vertical="center"/>
    </xf>
    <xf numFmtId="0" fontId="4" fillId="0" borderId="0" xfId="0" applyFont="1" applyAlignment="1">
      <alignment horizontal="right" vertical="center"/>
    </xf>
    <xf numFmtId="0" fontId="4" fillId="0" borderId="1" xfId="0" applyFont="1" applyBorder="1" applyAlignment="1">
      <alignment horizontal="center" vertical="center"/>
    </xf>
    <xf numFmtId="0" fontId="4" fillId="0" borderId="2" xfId="0" applyFont="1" applyBorder="1" applyAlignment="1">
      <alignment horizontal="center" vertical="center"/>
    </xf>
    <xf numFmtId="0" fontId="4" fillId="0" borderId="3" xfId="0" applyFont="1" applyBorder="1" applyAlignment="1">
      <alignment horizontal="center" vertical="center"/>
    </xf>
    <xf numFmtId="0" fontId="4" fillId="0" borderId="4" xfId="0" applyFont="1" applyBorder="1" applyAlignment="1">
      <alignment horizontal="center" vertical="center"/>
    </xf>
    <xf numFmtId="38" fontId="1" fillId="0" borderId="5" xfId="1" applyFont="1" applyBorder="1" applyAlignment="1">
      <alignment horizontal="distributed" vertical="center"/>
    </xf>
    <xf numFmtId="38" fontId="1" fillId="0" borderId="6" xfId="1" applyFont="1" applyBorder="1" applyAlignment="1">
      <alignment vertical="center"/>
    </xf>
    <xf numFmtId="38" fontId="1" fillId="0" borderId="7" xfId="1" applyFont="1" applyBorder="1" applyAlignment="1">
      <alignment vertical="center"/>
    </xf>
    <xf numFmtId="38" fontId="1" fillId="0" borderId="8" xfId="1" applyFont="1" applyBorder="1" applyAlignment="1">
      <alignment vertical="center"/>
    </xf>
    <xf numFmtId="38" fontId="1" fillId="0" borderId="9" xfId="1" applyFont="1" applyBorder="1" applyAlignment="1">
      <alignment horizontal="distributed" vertical="center"/>
    </xf>
    <xf numFmtId="38" fontId="1" fillId="0" borderId="10" xfId="1" applyFont="1" applyBorder="1" applyAlignment="1">
      <alignment vertical="center"/>
    </xf>
    <xf numFmtId="38" fontId="1" fillId="0" borderId="11" xfId="1" applyFont="1" applyBorder="1" applyAlignment="1">
      <alignment vertical="center"/>
    </xf>
    <xf numFmtId="38" fontId="1" fillId="0" borderId="12" xfId="1" applyFont="1" applyBorder="1" applyAlignment="1">
      <alignment vertical="center"/>
    </xf>
    <xf numFmtId="38" fontId="1" fillId="0" borderId="10" xfId="1" applyBorder="1" applyAlignment="1">
      <alignment vertical="center"/>
    </xf>
    <xf numFmtId="38" fontId="1" fillId="0" borderId="11" xfId="1" applyBorder="1" applyAlignment="1">
      <alignment vertical="center"/>
    </xf>
    <xf numFmtId="38" fontId="1" fillId="0" borderId="12" xfId="1" applyBorder="1" applyAlignment="1">
      <alignment vertical="center"/>
    </xf>
    <xf numFmtId="38" fontId="1" fillId="0" borderId="9" xfId="1" applyFont="1" applyBorder="1" applyAlignment="1">
      <alignment horizontal="center" vertical="center"/>
    </xf>
    <xf numFmtId="38" fontId="0" fillId="0" borderId="10" xfId="0" applyNumberFormat="1" applyBorder="1" applyAlignment="1">
      <alignment vertical="center"/>
    </xf>
    <xf numFmtId="38" fontId="0" fillId="0" borderId="11" xfId="0" applyNumberFormat="1" applyBorder="1" applyAlignment="1">
      <alignment vertical="center"/>
    </xf>
    <xf numFmtId="38" fontId="0" fillId="0" borderId="12" xfId="0" applyNumberFormat="1" applyBorder="1" applyAlignment="1">
      <alignment vertical="center"/>
    </xf>
    <xf numFmtId="38" fontId="1" fillId="0" borderId="13" xfId="1" applyFont="1" applyBorder="1" applyAlignment="1">
      <alignment horizontal="distributed" vertical="center"/>
    </xf>
    <xf numFmtId="38" fontId="0" fillId="0" borderId="14" xfId="0" applyNumberFormat="1" applyBorder="1" applyAlignment="1">
      <alignment vertical="center"/>
    </xf>
    <xf numFmtId="38" fontId="0" fillId="0" borderId="15" xfId="0" applyNumberFormat="1" applyBorder="1" applyAlignment="1">
      <alignment vertical="center"/>
    </xf>
    <xf numFmtId="38" fontId="0" fillId="0" borderId="16" xfId="0" applyNumberFormat="1" applyBorder="1" applyAlignment="1">
      <alignment vertical="center"/>
    </xf>
  </cellXfs>
  <cellStyles count="2">
    <cellStyle name="桁区切り" xfId="1" builtinId="6"/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1">
    <pageSetUpPr fitToPage="1"/>
  </sheetPr>
  <dimension ref="A1:D131"/>
  <sheetViews>
    <sheetView tabSelected="1" workbookViewId="0">
      <pane ySplit="4" topLeftCell="A5" activePane="bottomLeft" state="frozen"/>
      <selection sqref="A1:XFD1048576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1" t="s">
        <v>0</v>
      </c>
      <c r="B1" s="1"/>
      <c r="C1" s="1"/>
      <c r="D1" s="1"/>
    </row>
    <row r="2" spans="1:4" ht="14.25" customHeight="1" x14ac:dyDescent="0.2">
      <c r="A2" s="2"/>
      <c r="B2" s="2"/>
      <c r="C2" s="2"/>
      <c r="D2" s="2"/>
    </row>
    <row r="3" spans="1:4" ht="20.25" customHeight="1" x14ac:dyDescent="0.2">
      <c r="A3" s="3"/>
      <c r="B3" s="4" t="s">
        <v>1</v>
      </c>
      <c r="C3" s="4"/>
      <c r="D3" s="4"/>
    </row>
    <row r="4" spans="1:4" ht="18" customHeight="1" x14ac:dyDescent="0.2">
      <c r="A4" s="5" t="s">
        <v>2</v>
      </c>
      <c r="B4" s="6" t="s">
        <v>3</v>
      </c>
      <c r="C4" s="7" t="s">
        <v>4</v>
      </c>
      <c r="D4" s="8" t="s">
        <v>5</v>
      </c>
    </row>
    <row r="5" spans="1:4" ht="18" customHeight="1" x14ac:dyDescent="0.2">
      <c r="A5" s="9">
        <v>0</v>
      </c>
      <c r="B5" s="10">
        <v>1524</v>
      </c>
      <c r="C5" s="11">
        <v>1463</v>
      </c>
      <c r="D5" s="12">
        <v>2987</v>
      </c>
    </row>
    <row r="6" spans="1:4" ht="18" customHeight="1" x14ac:dyDescent="0.2">
      <c r="A6" s="13">
        <v>1</v>
      </c>
      <c r="B6" s="14">
        <v>1653</v>
      </c>
      <c r="C6" s="15">
        <v>1549</v>
      </c>
      <c r="D6" s="16">
        <v>3202</v>
      </c>
    </row>
    <row r="7" spans="1:4" ht="18" customHeight="1" x14ac:dyDescent="0.2">
      <c r="A7" s="13">
        <v>2</v>
      </c>
      <c r="B7" s="14">
        <v>1693</v>
      </c>
      <c r="C7" s="15">
        <v>1535</v>
      </c>
      <c r="D7" s="16">
        <v>3228</v>
      </c>
    </row>
    <row r="8" spans="1:4" ht="18" customHeight="1" x14ac:dyDescent="0.2">
      <c r="A8" s="13">
        <v>3</v>
      </c>
      <c r="B8" s="14">
        <v>1635</v>
      </c>
      <c r="C8" s="15">
        <v>1617</v>
      </c>
      <c r="D8" s="16">
        <v>3252</v>
      </c>
    </row>
    <row r="9" spans="1:4" ht="18" customHeight="1" x14ac:dyDescent="0.2">
      <c r="A9" s="13">
        <v>4</v>
      </c>
      <c r="B9" s="14">
        <v>1616</v>
      </c>
      <c r="C9" s="15">
        <v>1628</v>
      </c>
      <c r="D9" s="16">
        <v>3244</v>
      </c>
    </row>
    <row r="10" spans="1:4" ht="18" customHeight="1" x14ac:dyDescent="0.2">
      <c r="A10" s="13" t="s">
        <v>6</v>
      </c>
      <c r="B10" s="17">
        <v>8121</v>
      </c>
      <c r="C10" s="18">
        <v>7792</v>
      </c>
      <c r="D10" s="19">
        <v>15913</v>
      </c>
    </row>
    <row r="11" spans="1:4" ht="18" customHeight="1" x14ac:dyDescent="0.2">
      <c r="A11" s="13">
        <v>5</v>
      </c>
      <c r="B11" s="17">
        <v>1682</v>
      </c>
      <c r="C11" s="18">
        <v>1573</v>
      </c>
      <c r="D11" s="19">
        <v>3255</v>
      </c>
    </row>
    <row r="12" spans="1:4" ht="18" customHeight="1" x14ac:dyDescent="0.2">
      <c r="A12" s="13">
        <v>6</v>
      </c>
      <c r="B12" s="17">
        <v>1680</v>
      </c>
      <c r="C12" s="18">
        <v>1686</v>
      </c>
      <c r="D12" s="19">
        <v>3366</v>
      </c>
    </row>
    <row r="13" spans="1:4" ht="18" customHeight="1" x14ac:dyDescent="0.2">
      <c r="A13" s="13">
        <v>7</v>
      </c>
      <c r="B13" s="17">
        <v>1825</v>
      </c>
      <c r="C13" s="18">
        <v>1565</v>
      </c>
      <c r="D13" s="19">
        <v>3390</v>
      </c>
    </row>
    <row r="14" spans="1:4" ht="18" customHeight="1" x14ac:dyDescent="0.2">
      <c r="A14" s="13">
        <v>8</v>
      </c>
      <c r="B14" s="17">
        <v>1793</v>
      </c>
      <c r="C14" s="18">
        <v>1727</v>
      </c>
      <c r="D14" s="19">
        <v>3520</v>
      </c>
    </row>
    <row r="15" spans="1:4" ht="18" customHeight="1" x14ac:dyDescent="0.2">
      <c r="A15" s="13">
        <v>9</v>
      </c>
      <c r="B15" s="17">
        <v>1851</v>
      </c>
      <c r="C15" s="18">
        <v>1691</v>
      </c>
      <c r="D15" s="19">
        <v>3542</v>
      </c>
    </row>
    <row r="16" spans="1:4" ht="18" customHeight="1" x14ac:dyDescent="0.2">
      <c r="A16" s="13" t="s">
        <v>7</v>
      </c>
      <c r="B16" s="17">
        <v>8831</v>
      </c>
      <c r="C16" s="18">
        <v>8242</v>
      </c>
      <c r="D16" s="19">
        <v>17073</v>
      </c>
    </row>
    <row r="17" spans="1:4" ht="18" customHeight="1" x14ac:dyDescent="0.2">
      <c r="A17" s="13">
        <v>10</v>
      </c>
      <c r="B17" s="17">
        <v>1781</v>
      </c>
      <c r="C17" s="18">
        <v>1765</v>
      </c>
      <c r="D17" s="19">
        <v>3546</v>
      </c>
    </row>
    <row r="18" spans="1:4" ht="18" customHeight="1" x14ac:dyDescent="0.2">
      <c r="A18" s="13">
        <v>11</v>
      </c>
      <c r="B18" s="17">
        <v>1849</v>
      </c>
      <c r="C18" s="18">
        <v>1809</v>
      </c>
      <c r="D18" s="19">
        <v>3658</v>
      </c>
    </row>
    <row r="19" spans="1:4" ht="18" customHeight="1" x14ac:dyDescent="0.2">
      <c r="A19" s="13">
        <v>12</v>
      </c>
      <c r="B19" s="17">
        <v>1899</v>
      </c>
      <c r="C19" s="18">
        <v>1710</v>
      </c>
      <c r="D19" s="19">
        <v>3609</v>
      </c>
    </row>
    <row r="20" spans="1:4" ht="18" customHeight="1" x14ac:dyDescent="0.2">
      <c r="A20" s="13">
        <v>13</v>
      </c>
      <c r="B20" s="17">
        <v>1906</v>
      </c>
      <c r="C20" s="18">
        <v>1847</v>
      </c>
      <c r="D20" s="19">
        <v>3753</v>
      </c>
    </row>
    <row r="21" spans="1:4" ht="18" customHeight="1" x14ac:dyDescent="0.2">
      <c r="A21" s="13">
        <v>14</v>
      </c>
      <c r="B21" s="17">
        <v>1949</v>
      </c>
      <c r="C21" s="18">
        <v>1909</v>
      </c>
      <c r="D21" s="19">
        <v>3858</v>
      </c>
    </row>
    <row r="22" spans="1:4" ht="18" customHeight="1" x14ac:dyDescent="0.2">
      <c r="A22" s="13" t="s">
        <v>8</v>
      </c>
      <c r="B22" s="17">
        <v>9384</v>
      </c>
      <c r="C22" s="18">
        <v>9040</v>
      </c>
      <c r="D22" s="19">
        <v>18424</v>
      </c>
    </row>
    <row r="23" spans="1:4" ht="18" customHeight="1" x14ac:dyDescent="0.2">
      <c r="A23" s="13" t="s">
        <v>9</v>
      </c>
      <c r="B23" s="17">
        <v>26336</v>
      </c>
      <c r="C23" s="18">
        <v>25074</v>
      </c>
      <c r="D23" s="19">
        <v>51410</v>
      </c>
    </row>
    <row r="24" spans="1:4" ht="18" customHeight="1" x14ac:dyDescent="0.2">
      <c r="A24" s="13">
        <v>15</v>
      </c>
      <c r="B24" s="17">
        <v>1988</v>
      </c>
      <c r="C24" s="18">
        <v>1813</v>
      </c>
      <c r="D24" s="19">
        <v>3801</v>
      </c>
    </row>
    <row r="25" spans="1:4" ht="18" customHeight="1" x14ac:dyDescent="0.2">
      <c r="A25" s="13">
        <v>16</v>
      </c>
      <c r="B25" s="17">
        <v>2034</v>
      </c>
      <c r="C25" s="18">
        <v>1961</v>
      </c>
      <c r="D25" s="19">
        <v>3995</v>
      </c>
    </row>
    <row r="26" spans="1:4" ht="18" customHeight="1" x14ac:dyDescent="0.2">
      <c r="A26" s="13">
        <v>17</v>
      </c>
      <c r="B26" s="17">
        <v>2104</v>
      </c>
      <c r="C26" s="18">
        <v>1886</v>
      </c>
      <c r="D26" s="19">
        <v>3990</v>
      </c>
    </row>
    <row r="27" spans="1:4" ht="18" customHeight="1" x14ac:dyDescent="0.2">
      <c r="A27" s="13">
        <v>18</v>
      </c>
      <c r="B27" s="17">
        <v>2093</v>
      </c>
      <c r="C27" s="18">
        <v>1891</v>
      </c>
      <c r="D27" s="19">
        <v>3984</v>
      </c>
    </row>
    <row r="28" spans="1:4" ht="18" customHeight="1" x14ac:dyDescent="0.2">
      <c r="A28" s="13">
        <v>19</v>
      </c>
      <c r="B28" s="17">
        <v>2042</v>
      </c>
      <c r="C28" s="18">
        <v>1909</v>
      </c>
      <c r="D28" s="19">
        <v>3951</v>
      </c>
    </row>
    <row r="29" spans="1:4" ht="18" customHeight="1" x14ac:dyDescent="0.2">
      <c r="A29" s="13" t="s">
        <v>10</v>
      </c>
      <c r="B29" s="17">
        <v>10261</v>
      </c>
      <c r="C29" s="18">
        <v>9460</v>
      </c>
      <c r="D29" s="19">
        <v>19721</v>
      </c>
    </row>
    <row r="30" spans="1:4" ht="18" customHeight="1" x14ac:dyDescent="0.2">
      <c r="A30" s="13">
        <v>20</v>
      </c>
      <c r="B30" s="17">
        <v>2102</v>
      </c>
      <c r="C30" s="18">
        <v>1896</v>
      </c>
      <c r="D30" s="19">
        <v>3998</v>
      </c>
    </row>
    <row r="31" spans="1:4" ht="18" customHeight="1" x14ac:dyDescent="0.2">
      <c r="A31" s="13">
        <v>21</v>
      </c>
      <c r="B31" s="17">
        <v>2037</v>
      </c>
      <c r="C31" s="18">
        <v>1972</v>
      </c>
      <c r="D31" s="19">
        <v>4009</v>
      </c>
    </row>
    <row r="32" spans="1:4" ht="18" customHeight="1" x14ac:dyDescent="0.2">
      <c r="A32" s="13">
        <v>22</v>
      </c>
      <c r="B32" s="17">
        <v>2186</v>
      </c>
      <c r="C32" s="18">
        <v>1800</v>
      </c>
      <c r="D32" s="19">
        <v>3986</v>
      </c>
    </row>
    <row r="33" spans="1:4" ht="18" customHeight="1" x14ac:dyDescent="0.2">
      <c r="A33" s="13">
        <v>23</v>
      </c>
      <c r="B33" s="17">
        <v>2192</v>
      </c>
      <c r="C33" s="18">
        <v>1885</v>
      </c>
      <c r="D33" s="19">
        <v>4077</v>
      </c>
    </row>
    <row r="34" spans="1:4" ht="18" customHeight="1" x14ac:dyDescent="0.2">
      <c r="A34" s="13">
        <v>24</v>
      </c>
      <c r="B34" s="17">
        <v>2120</v>
      </c>
      <c r="C34" s="18">
        <v>1859</v>
      </c>
      <c r="D34" s="19">
        <v>3979</v>
      </c>
    </row>
    <row r="35" spans="1:4" ht="18" customHeight="1" x14ac:dyDescent="0.2">
      <c r="A35" s="13" t="s">
        <v>11</v>
      </c>
      <c r="B35" s="17">
        <v>10637</v>
      </c>
      <c r="C35" s="18">
        <v>9412</v>
      </c>
      <c r="D35" s="19">
        <v>20049</v>
      </c>
    </row>
    <row r="36" spans="1:4" ht="18" customHeight="1" x14ac:dyDescent="0.2">
      <c r="A36" s="13">
        <v>25</v>
      </c>
      <c r="B36" s="17">
        <v>2064</v>
      </c>
      <c r="C36" s="18">
        <v>1787</v>
      </c>
      <c r="D36" s="19">
        <v>3851</v>
      </c>
    </row>
    <row r="37" spans="1:4" ht="18" customHeight="1" x14ac:dyDescent="0.2">
      <c r="A37" s="13">
        <v>26</v>
      </c>
      <c r="B37" s="17">
        <v>2119</v>
      </c>
      <c r="C37" s="18">
        <v>1813</v>
      </c>
      <c r="D37" s="19">
        <v>3932</v>
      </c>
    </row>
    <row r="38" spans="1:4" ht="18" customHeight="1" x14ac:dyDescent="0.2">
      <c r="A38" s="13">
        <v>27</v>
      </c>
      <c r="B38" s="17">
        <v>2172</v>
      </c>
      <c r="C38" s="18">
        <v>1779</v>
      </c>
      <c r="D38" s="19">
        <v>3951</v>
      </c>
    </row>
    <row r="39" spans="1:4" ht="18" customHeight="1" x14ac:dyDescent="0.2">
      <c r="A39" s="13">
        <v>28</v>
      </c>
      <c r="B39" s="17">
        <v>2145</v>
      </c>
      <c r="C39" s="18">
        <v>1894</v>
      </c>
      <c r="D39" s="19">
        <v>4039</v>
      </c>
    </row>
    <row r="40" spans="1:4" ht="18" customHeight="1" x14ac:dyDescent="0.2">
      <c r="A40" s="13">
        <v>29</v>
      </c>
      <c r="B40" s="17">
        <v>2225</v>
      </c>
      <c r="C40" s="18">
        <v>1971</v>
      </c>
      <c r="D40" s="19">
        <v>4196</v>
      </c>
    </row>
    <row r="41" spans="1:4" ht="18" customHeight="1" x14ac:dyDescent="0.2">
      <c r="A41" s="13" t="s">
        <v>12</v>
      </c>
      <c r="B41" s="17">
        <v>10725</v>
      </c>
      <c r="C41" s="18">
        <v>9244</v>
      </c>
      <c r="D41" s="19">
        <v>19969</v>
      </c>
    </row>
    <row r="42" spans="1:4" ht="18" customHeight="1" x14ac:dyDescent="0.2">
      <c r="A42" s="13">
        <v>30</v>
      </c>
      <c r="B42" s="17">
        <v>2122</v>
      </c>
      <c r="C42" s="18">
        <v>1929</v>
      </c>
      <c r="D42" s="19">
        <v>4051</v>
      </c>
    </row>
    <row r="43" spans="1:4" ht="18" customHeight="1" x14ac:dyDescent="0.2">
      <c r="A43" s="13">
        <v>31</v>
      </c>
      <c r="B43" s="17">
        <v>2305</v>
      </c>
      <c r="C43" s="18">
        <v>2137</v>
      </c>
      <c r="D43" s="19">
        <v>4442</v>
      </c>
    </row>
    <row r="44" spans="1:4" ht="18" customHeight="1" x14ac:dyDescent="0.2">
      <c r="A44" s="13">
        <v>32</v>
      </c>
      <c r="B44" s="17">
        <v>2263</v>
      </c>
      <c r="C44" s="18">
        <v>2160</v>
      </c>
      <c r="D44" s="19">
        <v>4423</v>
      </c>
    </row>
    <row r="45" spans="1:4" ht="18" customHeight="1" x14ac:dyDescent="0.2">
      <c r="A45" s="13">
        <v>33</v>
      </c>
      <c r="B45" s="17">
        <v>2488</v>
      </c>
      <c r="C45" s="18">
        <v>2230</v>
      </c>
      <c r="D45" s="19">
        <v>4718</v>
      </c>
    </row>
    <row r="46" spans="1:4" ht="18" customHeight="1" x14ac:dyDescent="0.2">
      <c r="A46" s="13">
        <v>34</v>
      </c>
      <c r="B46" s="17">
        <v>2404</v>
      </c>
      <c r="C46" s="18">
        <v>2214</v>
      </c>
      <c r="D46" s="19">
        <v>4618</v>
      </c>
    </row>
    <row r="47" spans="1:4" ht="18" customHeight="1" x14ac:dyDescent="0.2">
      <c r="A47" s="13" t="s">
        <v>13</v>
      </c>
      <c r="B47" s="17">
        <v>11582</v>
      </c>
      <c r="C47" s="18">
        <v>10670</v>
      </c>
      <c r="D47" s="19">
        <v>22252</v>
      </c>
    </row>
    <row r="48" spans="1:4" ht="18" customHeight="1" x14ac:dyDescent="0.2">
      <c r="A48" s="13">
        <v>35</v>
      </c>
      <c r="B48" s="17">
        <v>2469</v>
      </c>
      <c r="C48" s="18">
        <v>2201</v>
      </c>
      <c r="D48" s="19">
        <v>4670</v>
      </c>
    </row>
    <row r="49" spans="1:4" ht="18" customHeight="1" x14ac:dyDescent="0.2">
      <c r="A49" s="13">
        <v>36</v>
      </c>
      <c r="B49" s="17">
        <v>2456</v>
      </c>
      <c r="C49" s="18">
        <v>2428</v>
      </c>
      <c r="D49" s="19">
        <v>4884</v>
      </c>
    </row>
    <row r="50" spans="1:4" ht="18" customHeight="1" x14ac:dyDescent="0.2">
      <c r="A50" s="13">
        <v>37</v>
      </c>
      <c r="B50" s="17">
        <v>2448</v>
      </c>
      <c r="C50" s="18">
        <v>2303</v>
      </c>
      <c r="D50" s="19">
        <v>4751</v>
      </c>
    </row>
    <row r="51" spans="1:4" ht="18" customHeight="1" x14ac:dyDescent="0.2">
      <c r="A51" s="13">
        <v>38</v>
      </c>
      <c r="B51" s="17">
        <v>2645</v>
      </c>
      <c r="C51" s="18">
        <v>2520</v>
      </c>
      <c r="D51" s="19">
        <v>5165</v>
      </c>
    </row>
    <row r="52" spans="1:4" ht="18" customHeight="1" x14ac:dyDescent="0.2">
      <c r="A52" s="13">
        <v>39</v>
      </c>
      <c r="B52" s="17">
        <v>2766</v>
      </c>
      <c r="C52" s="18">
        <v>2630</v>
      </c>
      <c r="D52" s="19">
        <v>5396</v>
      </c>
    </row>
    <row r="53" spans="1:4" ht="18" customHeight="1" x14ac:dyDescent="0.2">
      <c r="A53" s="13" t="s">
        <v>14</v>
      </c>
      <c r="B53" s="17">
        <v>12784</v>
      </c>
      <c r="C53" s="18">
        <v>12082</v>
      </c>
      <c r="D53" s="19">
        <v>24866</v>
      </c>
    </row>
    <row r="54" spans="1:4" ht="18" customHeight="1" x14ac:dyDescent="0.2">
      <c r="A54" s="13">
        <v>40</v>
      </c>
      <c r="B54" s="17">
        <v>2981</v>
      </c>
      <c r="C54" s="18">
        <v>2705</v>
      </c>
      <c r="D54" s="19">
        <v>5686</v>
      </c>
    </row>
    <row r="55" spans="1:4" ht="18" customHeight="1" x14ac:dyDescent="0.2">
      <c r="A55" s="13">
        <v>41</v>
      </c>
      <c r="B55" s="17">
        <v>2998</v>
      </c>
      <c r="C55" s="18">
        <v>2800</v>
      </c>
      <c r="D55" s="19">
        <v>5798</v>
      </c>
    </row>
    <row r="56" spans="1:4" ht="18" customHeight="1" x14ac:dyDescent="0.2">
      <c r="A56" s="13">
        <v>42</v>
      </c>
      <c r="B56" s="17">
        <v>3263</v>
      </c>
      <c r="C56" s="18">
        <v>3070</v>
      </c>
      <c r="D56" s="19">
        <v>6333</v>
      </c>
    </row>
    <row r="57" spans="1:4" ht="18" customHeight="1" x14ac:dyDescent="0.2">
      <c r="A57" s="13">
        <v>43</v>
      </c>
      <c r="B57" s="17">
        <v>3409</v>
      </c>
      <c r="C57" s="18">
        <v>3264</v>
      </c>
      <c r="D57" s="19">
        <v>6673</v>
      </c>
    </row>
    <row r="58" spans="1:4" ht="18" customHeight="1" x14ac:dyDescent="0.2">
      <c r="A58" s="13">
        <v>44</v>
      </c>
      <c r="B58" s="17">
        <v>3517</v>
      </c>
      <c r="C58" s="18">
        <v>3469</v>
      </c>
      <c r="D58" s="19">
        <v>6986</v>
      </c>
    </row>
    <row r="59" spans="1:4" ht="18" customHeight="1" x14ac:dyDescent="0.2">
      <c r="A59" s="13" t="s">
        <v>15</v>
      </c>
      <c r="B59" s="17">
        <v>16168</v>
      </c>
      <c r="C59" s="18">
        <v>15308</v>
      </c>
      <c r="D59" s="19">
        <v>31476</v>
      </c>
    </row>
    <row r="60" spans="1:4" ht="18" customHeight="1" x14ac:dyDescent="0.2">
      <c r="A60" s="13">
        <v>45</v>
      </c>
      <c r="B60" s="17">
        <v>3564</v>
      </c>
      <c r="C60" s="18">
        <v>3411</v>
      </c>
      <c r="D60" s="19">
        <v>6975</v>
      </c>
    </row>
    <row r="61" spans="1:4" ht="18" customHeight="1" x14ac:dyDescent="0.2">
      <c r="A61" s="13">
        <v>46</v>
      </c>
      <c r="B61" s="17">
        <v>3456</v>
      </c>
      <c r="C61" s="18">
        <v>3293</v>
      </c>
      <c r="D61" s="19">
        <v>6749</v>
      </c>
    </row>
    <row r="62" spans="1:4" ht="18" customHeight="1" x14ac:dyDescent="0.2">
      <c r="A62" s="13">
        <v>47</v>
      </c>
      <c r="B62" s="17">
        <v>3271</v>
      </c>
      <c r="C62" s="18">
        <v>3117</v>
      </c>
      <c r="D62" s="19">
        <v>6388</v>
      </c>
    </row>
    <row r="63" spans="1:4" ht="18" customHeight="1" x14ac:dyDescent="0.2">
      <c r="A63" s="13">
        <v>48</v>
      </c>
      <c r="B63" s="17">
        <v>3114</v>
      </c>
      <c r="C63" s="18">
        <v>2878</v>
      </c>
      <c r="D63" s="19">
        <v>5992</v>
      </c>
    </row>
    <row r="64" spans="1:4" ht="18" customHeight="1" x14ac:dyDescent="0.2">
      <c r="A64" s="13">
        <v>49</v>
      </c>
      <c r="B64" s="17">
        <v>3081</v>
      </c>
      <c r="C64" s="18">
        <v>2921</v>
      </c>
      <c r="D64" s="19">
        <v>6002</v>
      </c>
    </row>
    <row r="65" spans="1:4" ht="18" customHeight="1" x14ac:dyDescent="0.2">
      <c r="A65" s="13" t="s">
        <v>16</v>
      </c>
      <c r="B65" s="17">
        <v>16486</v>
      </c>
      <c r="C65" s="18">
        <v>15620</v>
      </c>
      <c r="D65" s="19">
        <v>32106</v>
      </c>
    </row>
    <row r="66" spans="1:4" ht="18" customHeight="1" x14ac:dyDescent="0.2">
      <c r="A66" s="13">
        <v>50</v>
      </c>
      <c r="B66" s="17">
        <v>2918</v>
      </c>
      <c r="C66" s="18">
        <v>2827</v>
      </c>
      <c r="D66" s="19">
        <v>5745</v>
      </c>
    </row>
    <row r="67" spans="1:4" ht="18" customHeight="1" x14ac:dyDescent="0.2">
      <c r="A67" s="13">
        <v>51</v>
      </c>
      <c r="B67" s="17">
        <v>2539</v>
      </c>
      <c r="C67" s="18">
        <v>2535</v>
      </c>
      <c r="D67" s="19">
        <v>5074</v>
      </c>
    </row>
    <row r="68" spans="1:4" ht="18" customHeight="1" x14ac:dyDescent="0.2">
      <c r="A68" s="13">
        <v>52</v>
      </c>
      <c r="B68" s="17">
        <v>2432</v>
      </c>
      <c r="C68" s="18">
        <v>2486</v>
      </c>
      <c r="D68" s="19">
        <v>4918</v>
      </c>
    </row>
    <row r="69" spans="1:4" ht="18" customHeight="1" x14ac:dyDescent="0.2">
      <c r="A69" s="13">
        <v>53</v>
      </c>
      <c r="B69" s="17">
        <v>2622</v>
      </c>
      <c r="C69" s="18">
        <v>2670</v>
      </c>
      <c r="D69" s="19">
        <v>5292</v>
      </c>
    </row>
    <row r="70" spans="1:4" ht="18" customHeight="1" x14ac:dyDescent="0.2">
      <c r="A70" s="13">
        <v>54</v>
      </c>
      <c r="B70" s="17">
        <v>2566</v>
      </c>
      <c r="C70" s="18">
        <v>2497</v>
      </c>
      <c r="D70" s="19">
        <v>5063</v>
      </c>
    </row>
    <row r="71" spans="1:4" ht="18" customHeight="1" x14ac:dyDescent="0.2">
      <c r="A71" s="13" t="s">
        <v>17</v>
      </c>
      <c r="B71" s="17">
        <v>13077</v>
      </c>
      <c r="C71" s="18">
        <v>13015</v>
      </c>
      <c r="D71" s="19">
        <v>26092</v>
      </c>
    </row>
    <row r="72" spans="1:4" ht="18" customHeight="1" x14ac:dyDescent="0.2">
      <c r="A72" s="13">
        <v>55</v>
      </c>
      <c r="B72" s="17">
        <v>2458</v>
      </c>
      <c r="C72" s="18">
        <v>2450</v>
      </c>
      <c r="D72" s="19">
        <v>4908</v>
      </c>
    </row>
    <row r="73" spans="1:4" ht="18" customHeight="1" x14ac:dyDescent="0.2">
      <c r="A73" s="13">
        <v>56</v>
      </c>
      <c r="B73" s="17">
        <v>2332</v>
      </c>
      <c r="C73" s="18">
        <v>2320</v>
      </c>
      <c r="D73" s="19">
        <v>4652</v>
      </c>
    </row>
    <row r="74" spans="1:4" ht="18" customHeight="1" x14ac:dyDescent="0.2">
      <c r="A74" s="13">
        <v>57</v>
      </c>
      <c r="B74" s="17">
        <v>2312</v>
      </c>
      <c r="C74" s="18">
        <v>2476</v>
      </c>
      <c r="D74" s="19">
        <v>4788</v>
      </c>
    </row>
    <row r="75" spans="1:4" ht="18" customHeight="1" x14ac:dyDescent="0.2">
      <c r="A75" s="13">
        <v>58</v>
      </c>
      <c r="B75" s="17">
        <v>2368</v>
      </c>
      <c r="C75" s="18">
        <v>2382</v>
      </c>
      <c r="D75" s="19">
        <v>4750</v>
      </c>
    </row>
    <row r="76" spans="1:4" ht="18" customHeight="1" x14ac:dyDescent="0.2">
      <c r="A76" s="13">
        <v>59</v>
      </c>
      <c r="B76" s="17">
        <v>2358</v>
      </c>
      <c r="C76" s="18">
        <v>2547</v>
      </c>
      <c r="D76" s="19">
        <v>4905</v>
      </c>
    </row>
    <row r="77" spans="1:4" ht="18" customHeight="1" x14ac:dyDescent="0.2">
      <c r="A77" s="13" t="s">
        <v>18</v>
      </c>
      <c r="B77" s="17">
        <v>11828</v>
      </c>
      <c r="C77" s="18">
        <v>12175</v>
      </c>
      <c r="D77" s="19">
        <v>24003</v>
      </c>
    </row>
    <row r="78" spans="1:4" ht="18" customHeight="1" x14ac:dyDescent="0.2">
      <c r="A78" s="13">
        <v>60</v>
      </c>
      <c r="B78" s="17">
        <v>2301</v>
      </c>
      <c r="C78" s="18">
        <v>2291</v>
      </c>
      <c r="D78" s="19">
        <v>4592</v>
      </c>
    </row>
    <row r="79" spans="1:4" ht="18" customHeight="1" x14ac:dyDescent="0.2">
      <c r="A79" s="13">
        <v>61</v>
      </c>
      <c r="B79" s="17">
        <v>2205</v>
      </c>
      <c r="C79" s="18">
        <v>2369</v>
      </c>
      <c r="D79" s="19">
        <v>4574</v>
      </c>
    </row>
    <row r="80" spans="1:4" ht="18" customHeight="1" x14ac:dyDescent="0.2">
      <c r="A80" s="13">
        <v>62</v>
      </c>
      <c r="B80" s="17">
        <v>2403</v>
      </c>
      <c r="C80" s="18">
        <v>2521</v>
      </c>
      <c r="D80" s="19">
        <v>4924</v>
      </c>
    </row>
    <row r="81" spans="1:4" ht="18" customHeight="1" x14ac:dyDescent="0.2">
      <c r="A81" s="13">
        <v>63</v>
      </c>
      <c r="B81" s="17">
        <v>2535</v>
      </c>
      <c r="C81" s="18">
        <v>2658</v>
      </c>
      <c r="D81" s="19">
        <v>5193</v>
      </c>
    </row>
    <row r="82" spans="1:4" ht="18" customHeight="1" x14ac:dyDescent="0.2">
      <c r="A82" s="13">
        <v>64</v>
      </c>
      <c r="B82" s="17">
        <v>2568</v>
      </c>
      <c r="C82" s="18">
        <v>2731</v>
      </c>
      <c r="D82" s="19">
        <v>5299</v>
      </c>
    </row>
    <row r="83" spans="1:4" ht="18" customHeight="1" x14ac:dyDescent="0.2">
      <c r="A83" s="13" t="s">
        <v>19</v>
      </c>
      <c r="B83" s="17">
        <v>12012</v>
      </c>
      <c r="C83" s="18">
        <v>12570</v>
      </c>
      <c r="D83" s="19">
        <v>24582</v>
      </c>
    </row>
    <row r="84" spans="1:4" ht="18" customHeight="1" x14ac:dyDescent="0.2">
      <c r="A84" s="13" t="s">
        <v>20</v>
      </c>
      <c r="B84" s="17">
        <v>125560</v>
      </c>
      <c r="C84" s="18">
        <v>119556</v>
      </c>
      <c r="D84" s="19">
        <v>245116</v>
      </c>
    </row>
    <row r="85" spans="1:4" ht="18" customHeight="1" x14ac:dyDescent="0.2">
      <c r="A85" s="13">
        <v>65</v>
      </c>
      <c r="B85" s="17">
        <v>2745</v>
      </c>
      <c r="C85" s="18">
        <v>2884</v>
      </c>
      <c r="D85" s="19">
        <v>5629</v>
      </c>
    </row>
    <row r="86" spans="1:4" ht="18" customHeight="1" x14ac:dyDescent="0.2">
      <c r="A86" s="13">
        <v>66</v>
      </c>
      <c r="B86" s="17">
        <v>2707</v>
      </c>
      <c r="C86" s="18">
        <v>2859</v>
      </c>
      <c r="D86" s="19">
        <v>5566</v>
      </c>
    </row>
    <row r="87" spans="1:4" ht="18" customHeight="1" x14ac:dyDescent="0.2">
      <c r="A87" s="13">
        <v>67</v>
      </c>
      <c r="B87" s="17">
        <v>2971</v>
      </c>
      <c r="C87" s="18">
        <v>3191</v>
      </c>
      <c r="D87" s="19">
        <v>6162</v>
      </c>
    </row>
    <row r="88" spans="1:4" ht="18" customHeight="1" x14ac:dyDescent="0.2">
      <c r="A88" s="13">
        <v>68</v>
      </c>
      <c r="B88" s="17">
        <v>3255</v>
      </c>
      <c r="C88" s="18">
        <v>3657</v>
      </c>
      <c r="D88" s="19">
        <v>6912</v>
      </c>
    </row>
    <row r="89" spans="1:4" ht="18" customHeight="1" x14ac:dyDescent="0.2">
      <c r="A89" s="13">
        <v>69</v>
      </c>
      <c r="B89" s="17">
        <v>3668</v>
      </c>
      <c r="C89" s="18">
        <v>3877</v>
      </c>
      <c r="D89" s="19">
        <v>7545</v>
      </c>
    </row>
    <row r="90" spans="1:4" ht="18" customHeight="1" x14ac:dyDescent="0.2">
      <c r="A90" s="13" t="s">
        <v>21</v>
      </c>
      <c r="B90" s="17">
        <v>15346</v>
      </c>
      <c r="C90" s="18">
        <v>16468</v>
      </c>
      <c r="D90" s="19">
        <v>31814</v>
      </c>
    </row>
    <row r="91" spans="1:4" ht="18" customHeight="1" x14ac:dyDescent="0.2">
      <c r="A91" s="13">
        <v>70</v>
      </c>
      <c r="B91" s="17">
        <v>3568</v>
      </c>
      <c r="C91" s="18">
        <v>4056</v>
      </c>
      <c r="D91" s="19">
        <v>7624</v>
      </c>
    </row>
    <row r="92" spans="1:4" ht="18" customHeight="1" x14ac:dyDescent="0.2">
      <c r="A92" s="13">
        <v>71</v>
      </c>
      <c r="B92" s="17">
        <v>2984</v>
      </c>
      <c r="C92" s="18">
        <v>3440</v>
      </c>
      <c r="D92" s="19">
        <v>6424</v>
      </c>
    </row>
    <row r="93" spans="1:4" ht="18" customHeight="1" x14ac:dyDescent="0.2">
      <c r="A93" s="13">
        <v>72</v>
      </c>
      <c r="B93" s="17">
        <v>1741</v>
      </c>
      <c r="C93" s="18">
        <v>1994</v>
      </c>
      <c r="D93" s="19">
        <v>3735</v>
      </c>
    </row>
    <row r="94" spans="1:4" ht="18" customHeight="1" x14ac:dyDescent="0.2">
      <c r="A94" s="13">
        <v>73</v>
      </c>
      <c r="B94" s="17">
        <v>2310</v>
      </c>
      <c r="C94" s="18">
        <v>2789</v>
      </c>
      <c r="D94" s="19">
        <v>5099</v>
      </c>
    </row>
    <row r="95" spans="1:4" ht="18" customHeight="1" x14ac:dyDescent="0.2">
      <c r="A95" s="13">
        <v>74</v>
      </c>
      <c r="B95" s="17">
        <v>2475</v>
      </c>
      <c r="C95" s="18">
        <v>3090</v>
      </c>
      <c r="D95" s="19">
        <v>5565</v>
      </c>
    </row>
    <row r="96" spans="1:4" ht="18" customHeight="1" x14ac:dyDescent="0.2">
      <c r="A96" s="13" t="s">
        <v>22</v>
      </c>
      <c r="B96" s="17">
        <v>13078</v>
      </c>
      <c r="C96" s="18">
        <v>15369</v>
      </c>
      <c r="D96" s="19">
        <v>28447</v>
      </c>
    </row>
    <row r="97" spans="1:4" ht="18" customHeight="1" x14ac:dyDescent="0.2">
      <c r="A97" s="13">
        <v>75</v>
      </c>
      <c r="B97" s="17">
        <v>2340</v>
      </c>
      <c r="C97" s="18">
        <v>2795</v>
      </c>
      <c r="D97" s="19">
        <v>5135</v>
      </c>
    </row>
    <row r="98" spans="1:4" ht="18" customHeight="1" x14ac:dyDescent="0.2">
      <c r="A98" s="13">
        <v>76</v>
      </c>
      <c r="B98" s="17">
        <v>2504</v>
      </c>
      <c r="C98" s="18">
        <v>3098</v>
      </c>
      <c r="D98" s="19">
        <v>5602</v>
      </c>
    </row>
    <row r="99" spans="1:4" ht="18" customHeight="1" x14ac:dyDescent="0.2">
      <c r="A99" s="13">
        <v>77</v>
      </c>
      <c r="B99" s="17">
        <v>2088</v>
      </c>
      <c r="C99" s="18">
        <v>2645</v>
      </c>
      <c r="D99" s="19">
        <v>4733</v>
      </c>
    </row>
    <row r="100" spans="1:4" ht="18" customHeight="1" x14ac:dyDescent="0.2">
      <c r="A100" s="13">
        <v>78</v>
      </c>
      <c r="B100" s="17">
        <v>1835</v>
      </c>
      <c r="C100" s="18">
        <v>2244</v>
      </c>
      <c r="D100" s="19">
        <v>4079</v>
      </c>
    </row>
    <row r="101" spans="1:4" ht="18" customHeight="1" x14ac:dyDescent="0.2">
      <c r="A101" s="13">
        <v>79</v>
      </c>
      <c r="B101" s="17">
        <v>1474</v>
      </c>
      <c r="C101" s="18">
        <v>1968</v>
      </c>
      <c r="D101" s="19">
        <v>3442</v>
      </c>
    </row>
    <row r="102" spans="1:4" ht="18" customHeight="1" x14ac:dyDescent="0.2">
      <c r="A102" s="13" t="s">
        <v>23</v>
      </c>
      <c r="B102" s="17">
        <v>10241</v>
      </c>
      <c r="C102" s="18">
        <v>12750</v>
      </c>
      <c r="D102" s="19">
        <v>22991</v>
      </c>
    </row>
    <row r="103" spans="1:4" ht="18" customHeight="1" x14ac:dyDescent="0.2">
      <c r="A103" s="13">
        <v>80</v>
      </c>
      <c r="B103" s="17">
        <v>1628</v>
      </c>
      <c r="C103" s="18">
        <v>2253</v>
      </c>
      <c r="D103" s="19">
        <v>3881</v>
      </c>
    </row>
    <row r="104" spans="1:4" ht="18" customHeight="1" x14ac:dyDescent="0.2">
      <c r="A104" s="13">
        <v>81</v>
      </c>
      <c r="B104" s="17">
        <v>1520</v>
      </c>
      <c r="C104" s="18">
        <v>2211</v>
      </c>
      <c r="D104" s="19">
        <v>3731</v>
      </c>
    </row>
    <row r="105" spans="1:4" ht="18" customHeight="1" x14ac:dyDescent="0.2">
      <c r="A105" s="13">
        <v>82</v>
      </c>
      <c r="B105" s="17">
        <v>1545</v>
      </c>
      <c r="C105" s="18">
        <v>2404</v>
      </c>
      <c r="D105" s="19">
        <v>3949</v>
      </c>
    </row>
    <row r="106" spans="1:4" ht="18" customHeight="1" x14ac:dyDescent="0.2">
      <c r="A106" s="13">
        <v>83</v>
      </c>
      <c r="B106" s="17">
        <v>1221</v>
      </c>
      <c r="C106" s="18">
        <v>1899</v>
      </c>
      <c r="D106" s="19">
        <v>3120</v>
      </c>
    </row>
    <row r="107" spans="1:4" ht="18" customHeight="1" x14ac:dyDescent="0.2">
      <c r="A107" s="13">
        <v>84</v>
      </c>
      <c r="B107" s="17">
        <v>1188</v>
      </c>
      <c r="C107" s="18">
        <v>2021</v>
      </c>
      <c r="D107" s="19">
        <v>3209</v>
      </c>
    </row>
    <row r="108" spans="1:4" ht="18" customHeight="1" x14ac:dyDescent="0.2">
      <c r="A108" s="13" t="s">
        <v>24</v>
      </c>
      <c r="B108" s="17">
        <v>7102</v>
      </c>
      <c r="C108" s="18">
        <v>10788</v>
      </c>
      <c r="D108" s="19">
        <v>17890</v>
      </c>
    </row>
    <row r="109" spans="1:4" ht="18" customHeight="1" x14ac:dyDescent="0.2">
      <c r="A109" s="13">
        <v>85</v>
      </c>
      <c r="B109" s="17">
        <v>1047</v>
      </c>
      <c r="C109" s="18">
        <v>2101</v>
      </c>
      <c r="D109" s="19">
        <v>3148</v>
      </c>
    </row>
    <row r="110" spans="1:4" ht="18" customHeight="1" x14ac:dyDescent="0.2">
      <c r="A110" s="13">
        <v>86</v>
      </c>
      <c r="B110" s="17">
        <v>876</v>
      </c>
      <c r="C110" s="18">
        <v>1749</v>
      </c>
      <c r="D110" s="19">
        <v>2625</v>
      </c>
    </row>
    <row r="111" spans="1:4" ht="18" customHeight="1" x14ac:dyDescent="0.2">
      <c r="A111" s="13">
        <v>87</v>
      </c>
      <c r="B111" s="17">
        <v>784</v>
      </c>
      <c r="C111" s="18">
        <v>1604</v>
      </c>
      <c r="D111" s="19">
        <v>2388</v>
      </c>
    </row>
    <row r="112" spans="1:4" ht="18" customHeight="1" x14ac:dyDescent="0.2">
      <c r="A112" s="13">
        <v>88</v>
      </c>
      <c r="B112" s="17">
        <v>674</v>
      </c>
      <c r="C112" s="18">
        <v>1422</v>
      </c>
      <c r="D112" s="19">
        <v>2096</v>
      </c>
    </row>
    <row r="113" spans="1:4" ht="18" customHeight="1" x14ac:dyDescent="0.2">
      <c r="A113" s="13">
        <v>89</v>
      </c>
      <c r="B113" s="17">
        <v>566</v>
      </c>
      <c r="C113" s="18">
        <v>1370</v>
      </c>
      <c r="D113" s="19">
        <v>1936</v>
      </c>
    </row>
    <row r="114" spans="1:4" ht="18" customHeight="1" x14ac:dyDescent="0.2">
      <c r="A114" s="13" t="s">
        <v>25</v>
      </c>
      <c r="B114" s="17">
        <v>3947</v>
      </c>
      <c r="C114" s="18">
        <v>8246</v>
      </c>
      <c r="D114" s="19">
        <v>12193</v>
      </c>
    </row>
    <row r="115" spans="1:4" ht="18" customHeight="1" x14ac:dyDescent="0.2">
      <c r="A115" s="13">
        <v>90</v>
      </c>
      <c r="B115" s="17">
        <v>475</v>
      </c>
      <c r="C115" s="18">
        <v>1142</v>
      </c>
      <c r="D115" s="19">
        <v>1617</v>
      </c>
    </row>
    <row r="116" spans="1:4" ht="18" customHeight="1" x14ac:dyDescent="0.2">
      <c r="A116" s="13">
        <v>91</v>
      </c>
      <c r="B116" s="17">
        <v>381</v>
      </c>
      <c r="C116" s="18">
        <v>945</v>
      </c>
      <c r="D116" s="19">
        <v>1326</v>
      </c>
    </row>
    <row r="117" spans="1:4" ht="18" customHeight="1" x14ac:dyDescent="0.2">
      <c r="A117" s="13">
        <v>92</v>
      </c>
      <c r="B117" s="17">
        <v>284</v>
      </c>
      <c r="C117" s="18">
        <v>891</v>
      </c>
      <c r="D117" s="19">
        <v>1175</v>
      </c>
    </row>
    <row r="118" spans="1:4" ht="18" customHeight="1" x14ac:dyDescent="0.2">
      <c r="A118" s="13">
        <v>93</v>
      </c>
      <c r="B118" s="17">
        <v>219</v>
      </c>
      <c r="C118" s="18">
        <v>725</v>
      </c>
      <c r="D118" s="19">
        <v>944</v>
      </c>
    </row>
    <row r="119" spans="1:4" ht="18" customHeight="1" x14ac:dyDescent="0.2">
      <c r="A119" s="13">
        <v>94</v>
      </c>
      <c r="B119" s="17">
        <v>148</v>
      </c>
      <c r="C119" s="18">
        <v>581</v>
      </c>
      <c r="D119" s="19">
        <v>729</v>
      </c>
    </row>
    <row r="120" spans="1:4" ht="18" customHeight="1" x14ac:dyDescent="0.2">
      <c r="A120" s="13" t="s">
        <v>26</v>
      </c>
      <c r="B120" s="17">
        <v>1507</v>
      </c>
      <c r="C120" s="18">
        <v>4284</v>
      </c>
      <c r="D120" s="19">
        <v>5791</v>
      </c>
    </row>
    <row r="121" spans="1:4" ht="18" customHeight="1" x14ac:dyDescent="0.2">
      <c r="A121" s="13">
        <v>95</v>
      </c>
      <c r="B121" s="17">
        <v>112</v>
      </c>
      <c r="C121" s="18">
        <v>443</v>
      </c>
      <c r="D121" s="19">
        <v>555</v>
      </c>
    </row>
    <row r="122" spans="1:4" ht="18" customHeight="1" x14ac:dyDescent="0.2">
      <c r="A122" s="13">
        <v>96</v>
      </c>
      <c r="B122" s="17">
        <v>70</v>
      </c>
      <c r="C122" s="18">
        <v>391</v>
      </c>
      <c r="D122" s="19">
        <v>461</v>
      </c>
    </row>
    <row r="123" spans="1:4" ht="18" customHeight="1" x14ac:dyDescent="0.2">
      <c r="A123" s="13">
        <v>97</v>
      </c>
      <c r="B123" s="17">
        <v>49</v>
      </c>
      <c r="C123" s="18">
        <v>271</v>
      </c>
      <c r="D123" s="19">
        <v>320</v>
      </c>
    </row>
    <row r="124" spans="1:4" ht="18" customHeight="1" x14ac:dyDescent="0.2">
      <c r="A124" s="13">
        <v>98</v>
      </c>
      <c r="B124" s="17">
        <v>32</v>
      </c>
      <c r="C124" s="18">
        <v>189</v>
      </c>
      <c r="D124" s="19">
        <v>221</v>
      </c>
    </row>
    <row r="125" spans="1:4" ht="18" customHeight="1" x14ac:dyDescent="0.2">
      <c r="A125" s="13">
        <v>99</v>
      </c>
      <c r="B125" s="17">
        <v>17</v>
      </c>
      <c r="C125" s="18">
        <v>106</v>
      </c>
      <c r="D125" s="19">
        <v>123</v>
      </c>
    </row>
    <row r="126" spans="1:4" ht="18" customHeight="1" x14ac:dyDescent="0.2">
      <c r="A126" s="13" t="s">
        <v>27</v>
      </c>
      <c r="B126" s="17">
        <v>280</v>
      </c>
      <c r="C126" s="18">
        <v>1400</v>
      </c>
      <c r="D126" s="19">
        <v>1680</v>
      </c>
    </row>
    <row r="127" spans="1:4" ht="18" customHeight="1" x14ac:dyDescent="0.2">
      <c r="A127" s="13">
        <v>100</v>
      </c>
      <c r="B127" s="17">
        <v>16</v>
      </c>
      <c r="C127" s="18">
        <v>74</v>
      </c>
      <c r="D127" s="19">
        <v>90</v>
      </c>
    </row>
    <row r="128" spans="1:4" ht="18" customHeight="1" x14ac:dyDescent="0.2">
      <c r="A128" s="20" t="s">
        <v>28</v>
      </c>
      <c r="B128" s="17">
        <v>16</v>
      </c>
      <c r="C128" s="18">
        <v>132</v>
      </c>
      <c r="D128" s="19">
        <v>148</v>
      </c>
    </row>
    <row r="129" spans="1:4" ht="18" customHeight="1" x14ac:dyDescent="0.2">
      <c r="A129" s="13" t="s">
        <v>29</v>
      </c>
      <c r="B129" s="17">
        <v>32</v>
      </c>
      <c r="C129" s="18">
        <v>206</v>
      </c>
      <c r="D129" s="19">
        <v>238</v>
      </c>
    </row>
    <row r="130" spans="1:4" ht="18" customHeight="1" x14ac:dyDescent="0.2">
      <c r="A130" s="13" t="s">
        <v>30</v>
      </c>
      <c r="B130" s="21">
        <v>51533</v>
      </c>
      <c r="C130" s="22">
        <v>69511</v>
      </c>
      <c r="D130" s="23">
        <v>121044</v>
      </c>
    </row>
    <row r="131" spans="1:4" ht="18" customHeight="1" x14ac:dyDescent="0.2">
      <c r="A131" s="24" t="s">
        <v>31</v>
      </c>
      <c r="B131" s="25">
        <v>203429</v>
      </c>
      <c r="C131" s="26">
        <v>214141</v>
      </c>
      <c r="D131" s="27">
        <v>417570</v>
      </c>
    </row>
  </sheetData>
  <mergeCells count="2">
    <mergeCell ref="A1:D1"/>
    <mergeCell ref="B3:D3"/>
  </mergeCells>
  <phoneticPr fontId="3"/>
  <pageMargins left="0.75" right="0.75" top="1" bottom="1" header="0.51200000000000001" footer="0.51200000000000001"/>
  <pageSetup paperSize="9" scale="95" fitToHeight="3" orientation="portrait" horizontalDpi="4294967292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0000</vt:lpstr>
      <vt:lpstr>'0000'!Print_Titles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富山市</dc:creator>
  <cp:lastModifiedBy>富山市</cp:lastModifiedBy>
  <dcterms:created xsi:type="dcterms:W3CDTF">2018-05-02T02:00:55Z</dcterms:created>
  <dcterms:modified xsi:type="dcterms:W3CDTF">2018-05-02T02:00:57Z</dcterms:modified>
</cp:coreProperties>
</file>